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e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8593\Desktop\work\03_伊丹市スポーツ協会\様式\各調査\"/>
    </mc:Choice>
  </mc:AlternateContent>
  <xr:revisionPtr revIDLastSave="0" documentId="8_{46C5AB2B-14C8-43F5-A6AE-3AE74EDD4F87}" xr6:coauthVersionLast="47" xr6:coauthVersionMax="47" xr10:uidLastSave="{00000000-0000-0000-0000-000000000000}"/>
  <bookViews>
    <workbookView xWindow="-110" yWindow="-110" windowWidth="19420" windowHeight="11500" xr2:uid="{D0DB3FE0-27FB-4148-BF4F-499634129417}"/>
  </bookViews>
  <sheets>
    <sheet name="様式３" sheetId="9" r:id="rId1"/>
    <sheet name="※このシートを削除しないでください" sheetId="13" state="hidden" r:id="rId2"/>
  </sheets>
  <definedNames>
    <definedName name="_xlnm.Print_Area" localSheetId="0">様式３!$A$1:$F$1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67" uniqueCount="67">
  <si>
    <t>№</t>
    <phoneticPr fontId="2"/>
  </si>
  <si>
    <t>開催予定日</t>
    <rPh sb="0" eb="2">
      <t>カイサイ</t>
    </rPh>
    <rPh sb="2" eb="5">
      <t>ヨテイビ</t>
    </rPh>
    <phoneticPr fontId="2"/>
  </si>
  <si>
    <t>主　催</t>
    <rPh sb="0" eb="3">
      <t>シュサイ</t>
    </rPh>
    <phoneticPr fontId="2"/>
  </si>
  <si>
    <t>行　事　名</t>
    <rPh sb="0" eb="3">
      <t>ギョウジ</t>
    </rPh>
    <rPh sb="4" eb="5">
      <t>ナ</t>
    </rPh>
    <phoneticPr fontId="2"/>
  </si>
  <si>
    <t>《様式３》</t>
    <rPh sb="1" eb="3">
      <t>ヨウシキ</t>
    </rPh>
    <phoneticPr fontId="2"/>
  </si>
  <si>
    <t>開催予定場所</t>
    <rPh sb="0" eb="2">
      <t>カイサイ</t>
    </rPh>
    <rPh sb="2" eb="4">
      <t>ヨテイ</t>
    </rPh>
    <rPh sb="4" eb="6">
      <t>バショ</t>
    </rPh>
    <phoneticPr fontId="2"/>
  </si>
  <si>
    <t>※協会様式の行事予定表でも結構です。</t>
    <rPh sb="1" eb="3">
      <t>キョウカイ</t>
    </rPh>
    <rPh sb="3" eb="5">
      <t>ヨウシキ</t>
    </rPh>
    <rPh sb="6" eb="8">
      <t>ギョウジ</t>
    </rPh>
    <rPh sb="8" eb="10">
      <t>ヨテイ</t>
    </rPh>
    <rPh sb="10" eb="11">
      <t>ヒョウ</t>
    </rPh>
    <rPh sb="13" eb="15">
      <t>ケッコウ</t>
    </rPh>
    <phoneticPr fontId="2"/>
  </si>
  <si>
    <t>伊丹野球協会</t>
  </si>
  <si>
    <t>伊丹ソフトボール協会</t>
  </si>
  <si>
    <t>伊丹卓球協会</t>
  </si>
  <si>
    <t>伊丹ソフトテニス協会</t>
  </si>
  <si>
    <t>伊丹テニス協会</t>
  </si>
  <si>
    <t>伊丹バレーボール協会</t>
  </si>
  <si>
    <t>伊丹サッカー協会</t>
  </si>
  <si>
    <t>伊丹ラグビー協会</t>
  </si>
  <si>
    <t>伊丹バスケットボール協会</t>
  </si>
  <si>
    <t>伊丹バドミントン協会</t>
  </si>
  <si>
    <t>伊丹水泳協会</t>
  </si>
  <si>
    <t>伊丹陸上競技協会</t>
  </si>
  <si>
    <t>伊丹体操協会</t>
  </si>
  <si>
    <t>伊丹柔道協会</t>
  </si>
  <si>
    <t>伊丹空手道協会</t>
  </si>
  <si>
    <t>伊丹弓道協会</t>
  </si>
  <si>
    <t>伊丹市なぎなた協会</t>
  </si>
  <si>
    <t>伊丹剣道協会</t>
  </si>
  <si>
    <t>伊丹居合道協会</t>
  </si>
  <si>
    <t>伊丹相撲協会</t>
  </si>
  <si>
    <t>伊丹太極拳協会</t>
  </si>
  <si>
    <t>伊丹市ローラースケート協会</t>
  </si>
  <si>
    <t>伊丹合気協会</t>
  </si>
  <si>
    <t>伊丹サイクリング協会</t>
  </si>
  <si>
    <t>伊丹セーリング協会</t>
  </si>
  <si>
    <t>伊丹アマチュアボクシング協会</t>
  </si>
  <si>
    <t>伊丹市障害者スポーツ協会</t>
  </si>
  <si>
    <t>伊丹スキー協会</t>
  </si>
  <si>
    <t>伊丹スポンジボールテニス協会</t>
  </si>
  <si>
    <t>野球</t>
  </si>
  <si>
    <t>ソフトボール</t>
  </si>
  <si>
    <t>卓球</t>
  </si>
  <si>
    <t>ソフトテニス</t>
  </si>
  <si>
    <t>テニス</t>
  </si>
  <si>
    <t>バレーボール</t>
  </si>
  <si>
    <t>サッカー</t>
  </si>
  <si>
    <t>ラグビー</t>
  </si>
  <si>
    <t>バスケットボール</t>
  </si>
  <si>
    <t>バドミントン</t>
  </si>
  <si>
    <t>水泳</t>
  </si>
  <si>
    <t>陸上競技</t>
  </si>
  <si>
    <t>体操</t>
  </si>
  <si>
    <t>柔道</t>
  </si>
  <si>
    <t>空手道</t>
  </si>
  <si>
    <t>弓道</t>
  </si>
  <si>
    <t>剣道</t>
  </si>
  <si>
    <t>居合道</t>
  </si>
  <si>
    <t>相撲</t>
  </si>
  <si>
    <t>太極拳</t>
  </si>
  <si>
    <t>合気</t>
  </si>
  <si>
    <t>サイクリング</t>
  </si>
  <si>
    <t>セーリング</t>
  </si>
  <si>
    <t>アマチュアボクシング</t>
  </si>
  <si>
    <t>スキー</t>
  </si>
  <si>
    <t>スポンジボールテニス</t>
  </si>
  <si>
    <t>市なぎなた</t>
    <rPh sb="0" eb="1">
      <t>シ</t>
    </rPh>
    <phoneticPr fontId="2"/>
  </si>
  <si>
    <t>市ローラースケート</t>
    <rPh sb="0" eb="1">
      <t>シ</t>
    </rPh>
    <phoneticPr fontId="2"/>
  </si>
  <si>
    <t>市障害者スポーツ</t>
    <rPh sb="0" eb="1">
      <t>シ</t>
    </rPh>
    <phoneticPr fontId="2"/>
  </si>
  <si>
    <t>令和８年度　伊丹（</t>
    <rPh sb="6" eb="8">
      <t>イタミ</t>
    </rPh>
    <phoneticPr fontId="2"/>
  </si>
  <si>
    <t>）協会　行事予定表</t>
    <rPh sb="1" eb="3">
      <t>キョウカイ</t>
    </rPh>
    <rPh sb="4" eb="9">
      <t>ギョウジヨテイヒ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name val="ＭＳ Ｐゴシック"/>
      <family val="3"/>
      <charset val="128"/>
    </font>
    <font>
      <sz val="11"/>
      <name val="HG丸ｺﾞｼｯｸM-PRO"/>
      <family val="3"/>
      <charset val="128"/>
    </font>
    <font>
      <sz val="6"/>
      <name val="ＭＳ Ｐゴシック"/>
      <family val="3"/>
      <charset val="128"/>
    </font>
    <font>
      <b/>
      <sz val="20"/>
      <name val="HG丸ｺﾞｼｯｸM-PRO"/>
      <family val="3"/>
      <charset val="128"/>
    </font>
    <font>
      <sz val="14"/>
      <name val="HG丸ｺﾞｼｯｸM-PRO"/>
      <family val="3"/>
      <charset val="128"/>
    </font>
    <font>
      <b/>
      <sz val="16"/>
      <name val="HG丸ｺﾞｼｯｸM-PRO"/>
      <family val="3"/>
      <charset val="128"/>
    </font>
    <font>
      <sz val="14"/>
      <name val="BIZ UDPゴシック"/>
      <family val="3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/>
      <top style="thick">
        <color indexed="64"/>
      </top>
      <bottom/>
      <diagonal/>
    </border>
    <border>
      <left/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/>
      <top style="thin">
        <color indexed="64"/>
      </top>
      <bottom style="thick">
        <color indexed="64"/>
      </bottom>
      <diagonal/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</borders>
  <cellStyleXfs count="1">
    <xf numFmtId="0" fontId="0" fillId="0" borderId="0"/>
  </cellStyleXfs>
  <cellXfs count="25">
    <xf numFmtId="0" fontId="0" fillId="0" borderId="0" xfId="0"/>
    <xf numFmtId="0" fontId="4" fillId="0" borderId="1" xfId="0" applyFont="1" applyBorder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Border="1" applyAlignment="1">
      <alignment horizontal="center" vertical="distributed"/>
    </xf>
    <xf numFmtId="0" fontId="3" fillId="0" borderId="0" xfId="0" applyFont="1" applyBorder="1" applyAlignment="1">
      <alignment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6" fillId="0" borderId="0" xfId="0" applyFont="1" applyBorder="1" applyAlignment="1">
      <alignment horizontal="left" vertical="center"/>
    </xf>
    <xf numFmtId="0" fontId="3" fillId="0" borderId="0" xfId="0" applyFont="1" applyBorder="1" applyAlignment="1">
      <alignment horizontal="right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2FC33ED-9005-466C-9803-93EAEC7F205C}">
  <sheetPr>
    <pageSetUpPr fitToPage="1"/>
  </sheetPr>
  <dimension ref="A1:F22"/>
  <sheetViews>
    <sheetView tabSelected="1" view="pageBreakPreview" zoomScale="70" zoomScaleNormal="75" zoomScaleSheetLayoutView="70" workbookViewId="0">
      <selection sqref="A1:B1"/>
    </sheetView>
  </sheetViews>
  <sheetFormatPr defaultColWidth="9" defaultRowHeight="16.5" x14ac:dyDescent="0.2"/>
  <cols>
    <col min="1" max="1" width="6.6328125" style="2" customWidth="1"/>
    <col min="2" max="2" width="7.6328125" style="2" customWidth="1"/>
    <col min="3" max="3" width="36.453125" style="2" customWidth="1"/>
    <col min="4" max="4" width="33.26953125" style="2" customWidth="1"/>
    <col min="5" max="5" width="23.7265625" style="2" customWidth="1"/>
    <col min="6" max="6" width="28.6328125" style="2" customWidth="1"/>
    <col min="7" max="16384" width="9" style="2"/>
  </cols>
  <sheetData>
    <row r="1" spans="1:6" ht="42" customHeight="1" thickBot="1" x14ac:dyDescent="0.25">
      <c r="A1" s="21" t="s">
        <v>4</v>
      </c>
      <c r="B1" s="22"/>
      <c r="C1" s="16" t="s">
        <v>65</v>
      </c>
      <c r="D1" s="4"/>
      <c r="E1" s="5" t="s">
        <v>66</v>
      </c>
      <c r="F1" s="8"/>
    </row>
    <row r="2" spans="1:6" ht="36" customHeight="1" thickTop="1" x14ac:dyDescent="0.2">
      <c r="A2" s="6" t="s">
        <v>0</v>
      </c>
      <c r="B2" s="23" t="s">
        <v>3</v>
      </c>
      <c r="C2" s="24"/>
      <c r="D2" s="7" t="s">
        <v>2</v>
      </c>
      <c r="E2" s="7" t="s">
        <v>1</v>
      </c>
      <c r="F2" s="9" t="s">
        <v>5</v>
      </c>
    </row>
    <row r="3" spans="1:6" s="3" customFormat="1" ht="38.15" customHeight="1" x14ac:dyDescent="0.2">
      <c r="A3" s="10">
        <v>1</v>
      </c>
      <c r="B3" s="17"/>
      <c r="C3" s="18"/>
      <c r="D3" s="1"/>
      <c r="E3" s="1"/>
      <c r="F3" s="11"/>
    </row>
    <row r="4" spans="1:6" s="3" customFormat="1" ht="38.15" customHeight="1" x14ac:dyDescent="0.2">
      <c r="A4" s="10">
        <v>2</v>
      </c>
      <c r="B4" s="17"/>
      <c r="C4" s="18"/>
      <c r="D4" s="1"/>
      <c r="E4" s="1"/>
      <c r="F4" s="11"/>
    </row>
    <row r="5" spans="1:6" s="3" customFormat="1" ht="38.15" customHeight="1" x14ac:dyDescent="0.2">
      <c r="A5" s="10">
        <v>3</v>
      </c>
      <c r="B5" s="17"/>
      <c r="C5" s="18"/>
      <c r="D5" s="1"/>
      <c r="E5" s="1"/>
      <c r="F5" s="11"/>
    </row>
    <row r="6" spans="1:6" s="3" customFormat="1" ht="38.15" customHeight="1" x14ac:dyDescent="0.2">
      <c r="A6" s="10">
        <v>4</v>
      </c>
      <c r="B6" s="17"/>
      <c r="C6" s="18"/>
      <c r="D6" s="1"/>
      <c r="E6" s="1"/>
      <c r="F6" s="11"/>
    </row>
    <row r="7" spans="1:6" s="3" customFormat="1" ht="38.15" customHeight="1" x14ac:dyDescent="0.2">
      <c r="A7" s="10">
        <v>5</v>
      </c>
      <c r="B7" s="17"/>
      <c r="C7" s="18"/>
      <c r="D7" s="1"/>
      <c r="E7" s="1"/>
      <c r="F7" s="11"/>
    </row>
    <row r="8" spans="1:6" s="3" customFormat="1" ht="38.15" customHeight="1" x14ac:dyDescent="0.2">
      <c r="A8" s="10">
        <v>6</v>
      </c>
      <c r="B8" s="17"/>
      <c r="C8" s="18"/>
      <c r="D8" s="1"/>
      <c r="E8" s="1"/>
      <c r="F8" s="11"/>
    </row>
    <row r="9" spans="1:6" s="3" customFormat="1" ht="38.15" customHeight="1" x14ac:dyDescent="0.2">
      <c r="A9" s="10">
        <v>7</v>
      </c>
      <c r="B9" s="17"/>
      <c r="C9" s="18"/>
      <c r="D9" s="1"/>
      <c r="E9" s="1"/>
      <c r="F9" s="11"/>
    </row>
    <row r="10" spans="1:6" s="3" customFormat="1" ht="38.15" customHeight="1" x14ac:dyDescent="0.2">
      <c r="A10" s="10">
        <v>8</v>
      </c>
      <c r="B10" s="17"/>
      <c r="C10" s="18"/>
      <c r="D10" s="1"/>
      <c r="E10" s="1"/>
      <c r="F10" s="11"/>
    </row>
    <row r="11" spans="1:6" s="3" customFormat="1" ht="38.15" customHeight="1" x14ac:dyDescent="0.2">
      <c r="A11" s="10">
        <v>9</v>
      </c>
      <c r="B11" s="17"/>
      <c r="C11" s="18"/>
      <c r="D11" s="1"/>
      <c r="E11" s="1"/>
      <c r="F11" s="11"/>
    </row>
    <row r="12" spans="1:6" s="3" customFormat="1" ht="38.15" customHeight="1" x14ac:dyDescent="0.2">
      <c r="A12" s="10">
        <v>10</v>
      </c>
      <c r="B12" s="17"/>
      <c r="C12" s="18"/>
      <c r="D12" s="1"/>
      <c r="E12" s="1"/>
      <c r="F12" s="11"/>
    </row>
    <row r="13" spans="1:6" s="3" customFormat="1" ht="38.15" customHeight="1" x14ac:dyDescent="0.2">
      <c r="A13" s="10">
        <v>11</v>
      </c>
      <c r="B13" s="17"/>
      <c r="C13" s="18"/>
      <c r="D13" s="1"/>
      <c r="E13" s="1"/>
      <c r="F13" s="11"/>
    </row>
    <row r="14" spans="1:6" s="3" customFormat="1" ht="38.15" customHeight="1" thickBot="1" x14ac:dyDescent="0.25">
      <c r="A14" s="12">
        <v>12</v>
      </c>
      <c r="B14" s="19"/>
      <c r="C14" s="20"/>
      <c r="D14" s="13"/>
      <c r="E14" s="13"/>
      <c r="F14" s="14"/>
    </row>
    <row r="15" spans="1:6" ht="30" customHeight="1" thickTop="1" x14ac:dyDescent="0.2">
      <c r="A15" s="15" t="s">
        <v>6</v>
      </c>
    </row>
    <row r="16" spans="1:6" ht="28" customHeight="1" x14ac:dyDescent="0.2"/>
    <row r="17" ht="28" customHeight="1" x14ac:dyDescent="0.2"/>
    <row r="18" ht="28" customHeight="1" x14ac:dyDescent="0.2"/>
    <row r="19" ht="28" customHeight="1" x14ac:dyDescent="0.2"/>
    <row r="20" ht="28" customHeight="1" x14ac:dyDescent="0.2"/>
    <row r="21" ht="28" customHeight="1" x14ac:dyDescent="0.2"/>
    <row r="22" ht="28" customHeight="1" x14ac:dyDescent="0.2"/>
  </sheetData>
  <mergeCells count="14">
    <mergeCell ref="A1:B1"/>
    <mergeCell ref="B2:C2"/>
    <mergeCell ref="B3:C3"/>
    <mergeCell ref="B4:C4"/>
    <mergeCell ref="B5:C5"/>
    <mergeCell ref="B6:C6"/>
    <mergeCell ref="B13:C13"/>
    <mergeCell ref="B14:C14"/>
    <mergeCell ref="B7:C7"/>
    <mergeCell ref="B8:C8"/>
    <mergeCell ref="B9:C9"/>
    <mergeCell ref="B10:C10"/>
    <mergeCell ref="B11:C11"/>
    <mergeCell ref="B12:C12"/>
  </mergeCells>
  <phoneticPr fontId="2"/>
  <pageMargins left="0.98425196850393704" right="0.59055118110236227" top="0.59055118110236227" bottom="0.39370078740157483" header="0.51181102362204722" footer="0.51181102362204722"/>
  <pageSetup paperSize="9" scale="96" orientation="landscape" r:id="rId1"/>
  <headerFooter alignWithMargins="0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xr:uid="{D7FE30F5-8E22-445D-BB5D-A0FD54B18026}">
          <x14:formula1>
            <xm:f>※このシートを削除しないでください!$A$1:$A$29</xm:f>
          </x14:formula1>
          <xm:sqref>D1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987F7F4-0FF9-45EB-AA81-40D52FDBB117}">
  <sheetPr>
    <tabColor rgb="FFFF0000"/>
  </sheetPr>
  <dimension ref="A1:B29"/>
  <sheetViews>
    <sheetView workbookViewId="0"/>
  </sheetViews>
  <sheetFormatPr defaultRowHeight="13" x14ac:dyDescent="0.2"/>
  <cols>
    <col min="1" max="1" width="20.453125" bestFit="1" customWidth="1"/>
    <col min="2" max="2" width="29.08984375" bestFit="1" customWidth="1"/>
  </cols>
  <sheetData>
    <row r="1" spans="1:2" x14ac:dyDescent="0.2">
      <c r="A1" t="s">
        <v>36</v>
      </c>
      <c r="B1" t="s">
        <v>7</v>
      </c>
    </row>
    <row r="2" spans="1:2" x14ac:dyDescent="0.2">
      <c r="A2" t="s">
        <v>37</v>
      </c>
      <c r="B2" t="s">
        <v>8</v>
      </c>
    </row>
    <row r="3" spans="1:2" x14ac:dyDescent="0.2">
      <c r="A3" t="s">
        <v>38</v>
      </c>
      <c r="B3" t="s">
        <v>9</v>
      </c>
    </row>
    <row r="4" spans="1:2" x14ac:dyDescent="0.2">
      <c r="A4" t="s">
        <v>39</v>
      </c>
      <c r="B4" t="s">
        <v>10</v>
      </c>
    </row>
    <row r="5" spans="1:2" x14ac:dyDescent="0.2">
      <c r="A5" t="s">
        <v>40</v>
      </c>
      <c r="B5" t="s">
        <v>11</v>
      </c>
    </row>
    <row r="6" spans="1:2" x14ac:dyDescent="0.2">
      <c r="A6" t="s">
        <v>41</v>
      </c>
      <c r="B6" t="s">
        <v>12</v>
      </c>
    </row>
    <row r="7" spans="1:2" x14ac:dyDescent="0.2">
      <c r="A7" t="s">
        <v>42</v>
      </c>
      <c r="B7" t="s">
        <v>13</v>
      </c>
    </row>
    <row r="8" spans="1:2" x14ac:dyDescent="0.2">
      <c r="A8" t="s">
        <v>43</v>
      </c>
      <c r="B8" t="s">
        <v>14</v>
      </c>
    </row>
    <row r="9" spans="1:2" x14ac:dyDescent="0.2">
      <c r="A9" t="s">
        <v>44</v>
      </c>
      <c r="B9" t="s">
        <v>15</v>
      </c>
    </row>
    <row r="10" spans="1:2" x14ac:dyDescent="0.2">
      <c r="A10" t="s">
        <v>45</v>
      </c>
      <c r="B10" t="s">
        <v>16</v>
      </c>
    </row>
    <row r="11" spans="1:2" x14ac:dyDescent="0.2">
      <c r="A11" t="s">
        <v>46</v>
      </c>
      <c r="B11" t="s">
        <v>17</v>
      </c>
    </row>
    <row r="12" spans="1:2" x14ac:dyDescent="0.2">
      <c r="A12" t="s">
        <v>47</v>
      </c>
      <c r="B12" t="s">
        <v>18</v>
      </c>
    </row>
    <row r="13" spans="1:2" x14ac:dyDescent="0.2">
      <c r="A13" t="s">
        <v>48</v>
      </c>
      <c r="B13" t="s">
        <v>19</v>
      </c>
    </row>
    <row r="14" spans="1:2" x14ac:dyDescent="0.2">
      <c r="A14" t="s">
        <v>49</v>
      </c>
      <c r="B14" t="s">
        <v>20</v>
      </c>
    </row>
    <row r="15" spans="1:2" x14ac:dyDescent="0.2">
      <c r="A15" t="s">
        <v>50</v>
      </c>
      <c r="B15" t="s">
        <v>21</v>
      </c>
    </row>
    <row r="16" spans="1:2" x14ac:dyDescent="0.2">
      <c r="A16" t="s">
        <v>51</v>
      </c>
      <c r="B16" t="s">
        <v>22</v>
      </c>
    </row>
    <row r="17" spans="1:2" x14ac:dyDescent="0.2">
      <c r="A17" t="s">
        <v>62</v>
      </c>
      <c r="B17" t="s">
        <v>23</v>
      </c>
    </row>
    <row r="18" spans="1:2" x14ac:dyDescent="0.2">
      <c r="A18" t="s">
        <v>52</v>
      </c>
      <c r="B18" t="s">
        <v>24</v>
      </c>
    </row>
    <row r="19" spans="1:2" x14ac:dyDescent="0.2">
      <c r="A19" t="s">
        <v>53</v>
      </c>
      <c r="B19" t="s">
        <v>25</v>
      </c>
    </row>
    <row r="20" spans="1:2" x14ac:dyDescent="0.2">
      <c r="A20" t="s">
        <v>54</v>
      </c>
      <c r="B20" t="s">
        <v>26</v>
      </c>
    </row>
    <row r="21" spans="1:2" x14ac:dyDescent="0.2">
      <c r="A21" t="s">
        <v>55</v>
      </c>
      <c r="B21" t="s">
        <v>27</v>
      </c>
    </row>
    <row r="22" spans="1:2" x14ac:dyDescent="0.2">
      <c r="A22" t="s">
        <v>63</v>
      </c>
      <c r="B22" t="s">
        <v>28</v>
      </c>
    </row>
    <row r="23" spans="1:2" x14ac:dyDescent="0.2">
      <c r="A23" t="s">
        <v>56</v>
      </c>
      <c r="B23" t="s">
        <v>29</v>
      </c>
    </row>
    <row r="24" spans="1:2" x14ac:dyDescent="0.2">
      <c r="A24" t="s">
        <v>57</v>
      </c>
      <c r="B24" t="s">
        <v>30</v>
      </c>
    </row>
    <row r="25" spans="1:2" x14ac:dyDescent="0.2">
      <c r="A25" t="s">
        <v>58</v>
      </c>
      <c r="B25" t="s">
        <v>31</v>
      </c>
    </row>
    <row r="26" spans="1:2" x14ac:dyDescent="0.2">
      <c r="A26" t="s">
        <v>59</v>
      </c>
      <c r="B26" t="s">
        <v>32</v>
      </c>
    </row>
    <row r="27" spans="1:2" x14ac:dyDescent="0.2">
      <c r="A27" t="s">
        <v>64</v>
      </c>
      <c r="B27" t="s">
        <v>33</v>
      </c>
    </row>
    <row r="28" spans="1:2" x14ac:dyDescent="0.2">
      <c r="A28" t="s">
        <v>60</v>
      </c>
      <c r="B28" t="s">
        <v>34</v>
      </c>
    </row>
    <row r="29" spans="1:2" x14ac:dyDescent="0.2">
      <c r="A29" t="s">
        <v>61</v>
      </c>
      <c r="B29" t="s">
        <v>35</v>
      </c>
    </row>
  </sheetData>
  <phoneticPr fontId="2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様式３</vt:lpstr>
      <vt:lpstr>※このシートを削除しないでください</vt:lpstr>
      <vt:lpstr>様式３!Print_Area</vt:lpstr>
    </vt:vector>
  </TitlesOfParts>
  <Company>伊丹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情報システム課</dc:creator>
  <cp:lastModifiedBy>s008593 芦生奈結</cp:lastModifiedBy>
  <cp:lastPrinted>2026-04-09T02:31:27Z</cp:lastPrinted>
  <dcterms:created xsi:type="dcterms:W3CDTF">2002-04-05T03:58:45Z</dcterms:created>
  <dcterms:modified xsi:type="dcterms:W3CDTF">2026-04-10T04:48:28Z</dcterms:modified>
</cp:coreProperties>
</file>